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12月🎄日現在\03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12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55819</v>
      </c>
      <c r="E7" s="16">
        <v>9227041</v>
      </c>
      <c r="F7" s="17">
        <v>4573009</v>
      </c>
      <c r="G7" s="17">
        <v>4654032</v>
      </c>
      <c r="H7" s="17">
        <v>-2524</v>
      </c>
      <c r="I7" s="17">
        <v>-3642</v>
      </c>
      <c r="J7" s="17">
        <v>1118</v>
      </c>
      <c r="K7" s="18">
        <v>2.1183251645672145</v>
      </c>
      <c r="L7" s="19">
        <v>3818.633707455966</v>
      </c>
      <c r="M7" s="20"/>
      <c r="N7" s="64"/>
      <c r="P7"/>
      <c r="Q7"/>
      <c r="R7"/>
      <c r="S7"/>
      <c r="T7"/>
      <c r="U7"/>
      <c r="V7"/>
      <c r="W7"/>
      <c r="X7"/>
      <c r="Y7"/>
      <c r="Z7"/>
      <c r="AA7"/>
    </row>
    <row r="8" spans="1:27" s="1" customFormat="1" ht="24" customHeight="1">
      <c r="A8" s="21"/>
      <c r="B8" s="41" t="s">
        <v>79</v>
      </c>
      <c r="C8" s="22"/>
      <c r="D8" s="23">
        <v>4232070</v>
      </c>
      <c r="E8" s="24">
        <v>8942843</v>
      </c>
      <c r="F8" s="25">
        <v>4433366</v>
      </c>
      <c r="G8" s="25">
        <v>4509477</v>
      </c>
      <c r="H8" s="25">
        <v>-2305</v>
      </c>
      <c r="I8" s="25">
        <v>-3394</v>
      </c>
      <c r="J8" s="25">
        <v>1089</v>
      </c>
      <c r="K8" s="26">
        <v>2.1131132046492613</v>
      </c>
      <c r="L8" s="27">
        <v>4940.7426437276936</v>
      </c>
      <c r="M8" s="20"/>
      <c r="N8" s="64"/>
      <c r="P8"/>
      <c r="Q8"/>
      <c r="R8"/>
      <c r="S8"/>
      <c r="T8"/>
      <c r="U8"/>
      <c r="V8"/>
      <c r="W8"/>
      <c r="X8"/>
      <c r="Y8"/>
      <c r="Z8"/>
      <c r="AA8"/>
    </row>
    <row r="9" spans="1:27" s="1" customFormat="1" ht="24" customHeight="1">
      <c r="A9" s="21"/>
      <c r="B9" s="41" t="s">
        <v>23</v>
      </c>
      <c r="C9" s="22"/>
      <c r="D9" s="23">
        <v>123749</v>
      </c>
      <c r="E9" s="24">
        <v>284198</v>
      </c>
      <c r="F9" s="25">
        <v>139643</v>
      </c>
      <c r="G9" s="25">
        <v>144555</v>
      </c>
      <c r="H9" s="25">
        <v>-219</v>
      </c>
      <c r="I9" s="25">
        <v>-248</v>
      </c>
      <c r="J9" s="25">
        <v>29</v>
      </c>
      <c r="K9" s="26">
        <v>2.2965680530751764</v>
      </c>
      <c r="L9" s="27">
        <v>468.73381603470176</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800294</v>
      </c>
      <c r="E11" s="37">
        <v>3770179</v>
      </c>
      <c r="F11" s="38">
        <v>1858693</v>
      </c>
      <c r="G11" s="38">
        <v>1911486</v>
      </c>
      <c r="H11" s="38">
        <v>-1432</v>
      </c>
      <c r="I11" s="38">
        <v>-1396</v>
      </c>
      <c r="J11" s="38">
        <v>-36</v>
      </c>
      <c r="K11" s="39">
        <v>2.0942018359223549</v>
      </c>
      <c r="L11" s="40">
        <v>8607.5180931942195</v>
      </c>
      <c r="M11" s="20"/>
    </row>
    <row r="12" spans="1:27" s="1" customFormat="1" ht="24" customHeight="1">
      <c r="A12" s="21"/>
      <c r="B12" s="41" t="s">
        <v>37</v>
      </c>
      <c r="C12" s="22"/>
      <c r="D12" s="23">
        <v>148482</v>
      </c>
      <c r="E12" s="24">
        <v>295724</v>
      </c>
      <c r="F12" s="25">
        <v>152582</v>
      </c>
      <c r="G12" s="25">
        <v>143142</v>
      </c>
      <c r="H12" s="25">
        <v>-162</v>
      </c>
      <c r="I12" s="25">
        <v>-97</v>
      </c>
      <c r="J12" s="25">
        <v>-65</v>
      </c>
      <c r="K12" s="26">
        <v>1.9916488193855146</v>
      </c>
      <c r="L12" s="27">
        <v>8901.986754966887</v>
      </c>
      <c r="M12" s="20"/>
    </row>
    <row r="13" spans="1:27" s="1" customFormat="1" ht="24" customHeight="1">
      <c r="A13" s="21"/>
      <c r="B13" s="42" t="s">
        <v>80</v>
      </c>
      <c r="C13" s="22"/>
      <c r="D13" s="23">
        <v>133906</v>
      </c>
      <c r="E13" s="24">
        <v>249829</v>
      </c>
      <c r="F13" s="25">
        <v>127034</v>
      </c>
      <c r="G13" s="25">
        <v>122795</v>
      </c>
      <c r="H13" s="25">
        <v>13</v>
      </c>
      <c r="I13" s="25">
        <v>-25</v>
      </c>
      <c r="J13" s="25">
        <v>38</v>
      </c>
      <c r="K13" s="26">
        <v>1.8657043000313653</v>
      </c>
      <c r="L13" s="27">
        <v>10527.981458069953</v>
      </c>
      <c r="M13" s="20"/>
    </row>
    <row r="14" spans="1:27" s="1" customFormat="1" ht="24" customHeight="1">
      <c r="A14" s="21"/>
      <c r="B14" s="41" t="s">
        <v>38</v>
      </c>
      <c r="C14" s="22"/>
      <c r="D14" s="23">
        <v>59285</v>
      </c>
      <c r="E14" s="24">
        <v>106509</v>
      </c>
      <c r="F14" s="25">
        <v>53923</v>
      </c>
      <c r="G14" s="25">
        <v>52586</v>
      </c>
      <c r="H14" s="25">
        <v>-47</v>
      </c>
      <c r="I14" s="25">
        <v>-10</v>
      </c>
      <c r="J14" s="25">
        <v>-37</v>
      </c>
      <c r="K14" s="26">
        <v>1.7965589946866829</v>
      </c>
      <c r="L14" s="27">
        <v>15150.640113798008</v>
      </c>
      <c r="M14" s="20"/>
      <c r="N14" s="43"/>
    </row>
    <row r="15" spans="1:27" s="1" customFormat="1" ht="24" customHeight="1">
      <c r="A15" s="21"/>
      <c r="B15" s="41" t="s">
        <v>39</v>
      </c>
      <c r="C15" s="22"/>
      <c r="D15" s="23">
        <v>87742</v>
      </c>
      <c r="E15" s="24">
        <v>152077</v>
      </c>
      <c r="F15" s="25">
        <v>77160</v>
      </c>
      <c r="G15" s="25">
        <v>74917</v>
      </c>
      <c r="H15" s="25">
        <v>10</v>
      </c>
      <c r="I15" s="25">
        <v>-85</v>
      </c>
      <c r="J15" s="25">
        <v>95</v>
      </c>
      <c r="K15" s="26">
        <v>1.7332292402726175</v>
      </c>
      <c r="L15" s="27">
        <v>6995.2621895124203</v>
      </c>
      <c r="M15" s="20"/>
    </row>
    <row r="16" spans="1:27" s="1" customFormat="1" ht="24" customHeight="1">
      <c r="A16" s="21"/>
      <c r="B16" s="41" t="s">
        <v>40</v>
      </c>
      <c r="C16" s="22"/>
      <c r="D16" s="23">
        <v>108022</v>
      </c>
      <c r="E16" s="24">
        <v>198935</v>
      </c>
      <c r="F16" s="25">
        <v>99236</v>
      </c>
      <c r="G16" s="25">
        <v>99699</v>
      </c>
      <c r="H16" s="25">
        <v>13</v>
      </c>
      <c r="I16" s="25">
        <v>-121</v>
      </c>
      <c r="J16" s="25">
        <v>134</v>
      </c>
      <c r="K16" s="26">
        <v>1.8416155968228693</v>
      </c>
      <c r="L16" s="27">
        <v>15726.086956521738</v>
      </c>
      <c r="M16" s="20"/>
    </row>
    <row r="17" spans="1:13" s="1" customFormat="1" ht="24" customHeight="1">
      <c r="A17" s="21"/>
      <c r="B17" s="41" t="s">
        <v>41</v>
      </c>
      <c r="C17" s="22"/>
      <c r="D17" s="23">
        <v>97413</v>
      </c>
      <c r="E17" s="24">
        <v>213525</v>
      </c>
      <c r="F17" s="25">
        <v>103680</v>
      </c>
      <c r="G17" s="25">
        <v>109845</v>
      </c>
      <c r="H17" s="25">
        <v>-128</v>
      </c>
      <c r="I17" s="25">
        <v>-74</v>
      </c>
      <c r="J17" s="25">
        <v>-54</v>
      </c>
      <c r="K17" s="26">
        <v>2.191955899109975</v>
      </c>
      <c r="L17" s="27">
        <v>10729.899497487439</v>
      </c>
      <c r="M17" s="20"/>
    </row>
    <row r="18" spans="1:13" s="1" customFormat="1" ht="24" customHeight="1">
      <c r="A18" s="21"/>
      <c r="B18" s="42" t="s">
        <v>81</v>
      </c>
      <c r="C18" s="44"/>
      <c r="D18" s="23">
        <v>101117</v>
      </c>
      <c r="E18" s="24">
        <v>205815</v>
      </c>
      <c r="F18" s="25">
        <v>100801</v>
      </c>
      <c r="G18" s="25">
        <v>105014</v>
      </c>
      <c r="H18" s="25">
        <v>-23</v>
      </c>
      <c r="I18" s="25">
        <v>-105</v>
      </c>
      <c r="J18" s="25">
        <v>82</v>
      </c>
      <c r="K18" s="26">
        <v>2.0354144209183422</v>
      </c>
      <c r="L18" s="27">
        <v>9385.0889192886461</v>
      </c>
      <c r="M18" s="20"/>
    </row>
    <row r="19" spans="1:13" s="1" customFormat="1" ht="24" customHeight="1">
      <c r="A19" s="21"/>
      <c r="B19" s="41" t="s">
        <v>42</v>
      </c>
      <c r="C19" s="22"/>
      <c r="D19" s="23">
        <v>108392</v>
      </c>
      <c r="E19" s="24">
        <v>241489</v>
      </c>
      <c r="F19" s="25">
        <v>116140</v>
      </c>
      <c r="G19" s="25">
        <v>125349</v>
      </c>
      <c r="H19" s="25">
        <v>-133</v>
      </c>
      <c r="I19" s="25">
        <v>-164</v>
      </c>
      <c r="J19" s="25">
        <v>31</v>
      </c>
      <c r="K19" s="26">
        <v>2.2279227249243485</v>
      </c>
      <c r="L19" s="27">
        <v>7378.2157042468689</v>
      </c>
      <c r="M19" s="20"/>
    </row>
    <row r="20" spans="1:13" s="1" customFormat="1" ht="24" customHeight="1">
      <c r="A20" s="21"/>
      <c r="B20" s="41" t="s">
        <v>43</v>
      </c>
      <c r="C20" s="22"/>
      <c r="D20" s="23">
        <v>79943</v>
      </c>
      <c r="E20" s="24">
        <v>165109</v>
      </c>
      <c r="F20" s="25">
        <v>81130</v>
      </c>
      <c r="G20" s="25">
        <v>83979</v>
      </c>
      <c r="H20" s="25">
        <v>-46</v>
      </c>
      <c r="I20" s="25">
        <v>-66</v>
      </c>
      <c r="J20" s="25">
        <v>20</v>
      </c>
      <c r="K20" s="26">
        <v>2.0653340505109892</v>
      </c>
      <c r="L20" s="27">
        <v>8667.1391076115488</v>
      </c>
      <c r="M20" s="20"/>
    </row>
    <row r="21" spans="1:13" s="1" customFormat="1" ht="24" customHeight="1">
      <c r="A21" s="21"/>
      <c r="B21" s="41" t="s">
        <v>44</v>
      </c>
      <c r="C21" s="22"/>
      <c r="D21" s="23">
        <v>90651</v>
      </c>
      <c r="E21" s="24">
        <v>194669</v>
      </c>
      <c r="F21" s="25">
        <v>94387</v>
      </c>
      <c r="G21" s="25">
        <v>100282</v>
      </c>
      <c r="H21" s="25">
        <v>-382</v>
      </c>
      <c r="I21" s="25">
        <v>-116</v>
      </c>
      <c r="J21" s="25">
        <v>-266</v>
      </c>
      <c r="K21" s="26">
        <v>2.1474556265237008</v>
      </c>
      <c r="L21" s="27">
        <v>6287.7583979328165</v>
      </c>
      <c r="M21" s="20"/>
    </row>
    <row r="22" spans="1:13" s="1" customFormat="1" ht="24" customHeight="1">
      <c r="A22" s="21"/>
      <c r="B22" s="41" t="s">
        <v>45</v>
      </c>
      <c r="C22" s="22"/>
      <c r="D22" s="23">
        <v>181217</v>
      </c>
      <c r="E22" s="24">
        <v>363013</v>
      </c>
      <c r="F22" s="25">
        <v>180842</v>
      </c>
      <c r="G22" s="25">
        <v>182171</v>
      </c>
      <c r="H22" s="25">
        <v>-24</v>
      </c>
      <c r="I22" s="25">
        <v>-11</v>
      </c>
      <c r="J22" s="25">
        <v>-13</v>
      </c>
      <c r="K22" s="26">
        <v>2.0031950644807055</v>
      </c>
      <c r="L22" s="27">
        <v>11560.923566878981</v>
      </c>
      <c r="M22" s="20"/>
    </row>
    <row r="23" spans="1:13" s="1" customFormat="1" ht="24" customHeight="1">
      <c r="A23" s="21"/>
      <c r="B23" s="41" t="s">
        <v>46</v>
      </c>
      <c r="C23" s="22"/>
      <c r="D23" s="23">
        <v>81660</v>
      </c>
      <c r="E23" s="24">
        <v>182860</v>
      </c>
      <c r="F23" s="25">
        <v>89818</v>
      </c>
      <c r="G23" s="25">
        <v>93042</v>
      </c>
      <c r="H23" s="25">
        <v>-50</v>
      </c>
      <c r="I23" s="25">
        <v>-45</v>
      </c>
      <c r="J23" s="25">
        <v>-5</v>
      </c>
      <c r="K23" s="26">
        <v>2.2392848395787412</v>
      </c>
      <c r="L23" s="27">
        <v>7168.1693453547623</v>
      </c>
      <c r="M23" s="20"/>
    </row>
    <row r="24" spans="1:13" s="1" customFormat="1" ht="24" customHeight="1">
      <c r="A24" s="21"/>
      <c r="B24" s="41" t="s">
        <v>47</v>
      </c>
      <c r="C24" s="22"/>
      <c r="D24" s="23">
        <v>135964</v>
      </c>
      <c r="E24" s="24">
        <v>309246</v>
      </c>
      <c r="F24" s="25">
        <v>148945</v>
      </c>
      <c r="G24" s="25">
        <v>160301</v>
      </c>
      <c r="H24" s="25">
        <v>-124</v>
      </c>
      <c r="I24" s="25">
        <v>-70</v>
      </c>
      <c r="J24" s="25">
        <v>-54</v>
      </c>
      <c r="K24" s="26">
        <v>2.2744697125709745</v>
      </c>
      <c r="L24" s="27">
        <v>8780.4088586030666</v>
      </c>
      <c r="M24" s="20"/>
    </row>
    <row r="25" spans="1:13" s="1" customFormat="1" ht="24" customHeight="1">
      <c r="A25" s="21"/>
      <c r="B25" s="41" t="s">
        <v>48</v>
      </c>
      <c r="C25" s="22"/>
      <c r="D25" s="23">
        <v>88412</v>
      </c>
      <c r="E25" s="24">
        <v>215323</v>
      </c>
      <c r="F25" s="25">
        <v>105266</v>
      </c>
      <c r="G25" s="25">
        <v>110057</v>
      </c>
      <c r="H25" s="25">
        <v>-72</v>
      </c>
      <c r="I25" s="25">
        <v>-23</v>
      </c>
      <c r="J25" s="25">
        <v>-49</v>
      </c>
      <c r="K25" s="26">
        <v>2.4354499389223183</v>
      </c>
      <c r="L25" s="27">
        <v>7725.9777538571934</v>
      </c>
      <c r="M25" s="20"/>
    </row>
    <row r="26" spans="1:13" s="1" customFormat="1" ht="24" customHeight="1">
      <c r="A26" s="21"/>
      <c r="B26" s="41" t="s">
        <v>49</v>
      </c>
      <c r="C26" s="22"/>
      <c r="D26" s="23">
        <v>125385</v>
      </c>
      <c r="E26" s="24">
        <v>283005</v>
      </c>
      <c r="F26" s="25">
        <v>137759</v>
      </c>
      <c r="G26" s="25">
        <v>145246</v>
      </c>
      <c r="H26" s="25">
        <v>-181</v>
      </c>
      <c r="I26" s="25">
        <v>-132</v>
      </c>
      <c r="J26" s="25">
        <v>-49</v>
      </c>
      <c r="K26" s="26">
        <v>2.257088168441201</v>
      </c>
      <c r="L26" s="27">
        <v>7907.3763621123217</v>
      </c>
      <c r="M26" s="20"/>
    </row>
    <row r="27" spans="1:13" s="1" customFormat="1" ht="24" customHeight="1">
      <c r="A27" s="21"/>
      <c r="B27" s="41" t="s">
        <v>50</v>
      </c>
      <c r="C27" s="22"/>
      <c r="D27" s="23">
        <v>54418</v>
      </c>
      <c r="E27" s="24">
        <v>120854</v>
      </c>
      <c r="F27" s="25">
        <v>58598</v>
      </c>
      <c r="G27" s="25">
        <v>62256</v>
      </c>
      <c r="H27" s="25">
        <v>-31</v>
      </c>
      <c r="I27" s="25">
        <v>-73</v>
      </c>
      <c r="J27" s="25">
        <v>42</v>
      </c>
      <c r="K27" s="26">
        <v>2.2208460435885184</v>
      </c>
      <c r="L27" s="27">
        <v>6525.5939524838013</v>
      </c>
      <c r="M27" s="20"/>
    </row>
    <row r="28" spans="1:13" s="1" customFormat="1" ht="24" customHeight="1">
      <c r="A28" s="21"/>
      <c r="B28" s="41" t="s">
        <v>51</v>
      </c>
      <c r="C28" s="22"/>
      <c r="D28" s="23">
        <v>64171</v>
      </c>
      <c r="E28" s="24">
        <v>150672</v>
      </c>
      <c r="F28" s="25">
        <v>72778</v>
      </c>
      <c r="G28" s="25">
        <v>77894</v>
      </c>
      <c r="H28" s="25">
        <v>-67</v>
      </c>
      <c r="I28" s="25">
        <v>-112</v>
      </c>
      <c r="J28" s="25">
        <v>45</v>
      </c>
      <c r="K28" s="26">
        <v>2.3479765002882922</v>
      </c>
      <c r="L28" s="27">
        <v>6389.8218829516545</v>
      </c>
      <c r="M28" s="20"/>
    </row>
    <row r="29" spans="1:13" s="1" customFormat="1" ht="24" customHeight="1">
      <c r="A29" s="21"/>
      <c r="B29" s="41" t="s">
        <v>52</v>
      </c>
      <c r="C29" s="22"/>
      <c r="D29" s="23">
        <v>54114</v>
      </c>
      <c r="E29" s="24">
        <v>121525</v>
      </c>
      <c r="F29" s="25">
        <v>58614</v>
      </c>
      <c r="G29" s="25">
        <v>62911</v>
      </c>
      <c r="H29" s="25">
        <v>2</v>
      </c>
      <c r="I29" s="25">
        <v>-67</v>
      </c>
      <c r="J29" s="25">
        <v>69</v>
      </c>
      <c r="K29" s="26">
        <v>2.2457219943083122</v>
      </c>
      <c r="L29" s="27">
        <v>7077.7518928363415</v>
      </c>
      <c r="M29" s="20"/>
    </row>
    <row r="30" spans="1:13" s="1" customFormat="1" ht="24" customHeight="1">
      <c r="A30" s="34"/>
      <c r="B30" s="81" t="s">
        <v>25</v>
      </c>
      <c r="C30" s="35"/>
      <c r="D30" s="36">
        <v>773050</v>
      </c>
      <c r="E30" s="37">
        <v>1545942</v>
      </c>
      <c r="F30" s="38">
        <v>777838</v>
      </c>
      <c r="G30" s="38">
        <v>768104</v>
      </c>
      <c r="H30" s="38">
        <v>-66</v>
      </c>
      <c r="I30" s="38">
        <v>-174</v>
      </c>
      <c r="J30" s="38">
        <v>108</v>
      </c>
      <c r="K30" s="39">
        <v>1.9997956147726539</v>
      </c>
      <c r="L30" s="40">
        <v>10813.808058198098</v>
      </c>
      <c r="M30" s="20"/>
    </row>
    <row r="31" spans="1:13" s="1" customFormat="1" ht="24" customHeight="1">
      <c r="A31" s="21"/>
      <c r="B31" s="41" t="s">
        <v>53</v>
      </c>
      <c r="C31" s="22"/>
      <c r="D31" s="23">
        <v>126325</v>
      </c>
      <c r="E31" s="24">
        <v>231025</v>
      </c>
      <c r="F31" s="25">
        <v>124344</v>
      </c>
      <c r="G31" s="25">
        <v>106681</v>
      </c>
      <c r="H31" s="25">
        <v>-51</v>
      </c>
      <c r="I31" s="25">
        <v>-72</v>
      </c>
      <c r="J31" s="25">
        <v>21</v>
      </c>
      <c r="K31" s="26">
        <v>1.8288145656045913</v>
      </c>
      <c r="L31" s="27">
        <v>5850.2152443656623</v>
      </c>
      <c r="M31" s="20"/>
    </row>
    <row r="32" spans="1:13" s="1" customFormat="1" ht="24" customHeight="1">
      <c r="A32" s="21"/>
      <c r="B32" s="41" t="s">
        <v>82</v>
      </c>
      <c r="C32" s="22"/>
      <c r="D32" s="23">
        <v>82387</v>
      </c>
      <c r="E32" s="24">
        <v>172169</v>
      </c>
      <c r="F32" s="25">
        <v>87031</v>
      </c>
      <c r="G32" s="25">
        <v>85138</v>
      </c>
      <c r="H32" s="25">
        <v>91</v>
      </c>
      <c r="I32" s="25">
        <v>-23</v>
      </c>
      <c r="J32" s="25">
        <v>114</v>
      </c>
      <c r="K32" s="26">
        <v>2.0897593066867346</v>
      </c>
      <c r="L32" s="27">
        <v>17199.7002997003</v>
      </c>
      <c r="M32" s="20"/>
    </row>
    <row r="33" spans="1:22" s="1" customFormat="1" ht="24" customHeight="1">
      <c r="A33" s="21"/>
      <c r="B33" s="41" t="s">
        <v>54</v>
      </c>
      <c r="C33" s="22"/>
      <c r="D33" s="23">
        <v>139654</v>
      </c>
      <c r="E33" s="24">
        <v>266770</v>
      </c>
      <c r="F33" s="25">
        <v>134750</v>
      </c>
      <c r="G33" s="25">
        <v>132020</v>
      </c>
      <c r="H33" s="25">
        <v>52</v>
      </c>
      <c r="I33" s="25">
        <v>49</v>
      </c>
      <c r="J33" s="25">
        <v>3</v>
      </c>
      <c r="K33" s="26">
        <v>1.9102209746946024</v>
      </c>
      <c r="L33" s="27">
        <v>18098.371777476255</v>
      </c>
      <c r="M33" s="20"/>
    </row>
    <row r="34" spans="1:22" s="1" customFormat="1" ht="24" customHeight="1">
      <c r="A34" s="21"/>
      <c r="B34" s="41" t="s">
        <v>83</v>
      </c>
      <c r="C34" s="22"/>
      <c r="D34" s="23">
        <v>117491</v>
      </c>
      <c r="E34" s="24">
        <v>234871</v>
      </c>
      <c r="F34" s="25">
        <v>116238</v>
      </c>
      <c r="G34" s="25">
        <v>118633</v>
      </c>
      <c r="H34" s="25">
        <v>-97</v>
      </c>
      <c r="I34" s="25">
        <v>-29</v>
      </c>
      <c r="J34" s="25">
        <v>-68</v>
      </c>
      <c r="K34" s="26">
        <v>1.9990552467848601</v>
      </c>
      <c r="L34" s="27">
        <v>14356.418092909536</v>
      </c>
      <c r="M34" s="20"/>
    </row>
    <row r="35" spans="1:22" s="1" customFormat="1" ht="24" customHeight="1">
      <c r="A35" s="21"/>
      <c r="B35" s="41" t="s">
        <v>55</v>
      </c>
      <c r="C35" s="22"/>
      <c r="D35" s="23">
        <v>106174</v>
      </c>
      <c r="E35" s="24">
        <v>235145</v>
      </c>
      <c r="F35" s="25">
        <v>113677</v>
      </c>
      <c r="G35" s="25">
        <v>121468</v>
      </c>
      <c r="H35" s="25">
        <v>31</v>
      </c>
      <c r="I35" s="25">
        <v>-40</v>
      </c>
      <c r="J35" s="25">
        <v>71</v>
      </c>
      <c r="K35" s="26">
        <v>2.2147135833631584</v>
      </c>
      <c r="L35" s="27">
        <v>12635.411069317572</v>
      </c>
      <c r="M35" s="20"/>
    </row>
    <row r="36" spans="1:22" s="1" customFormat="1" ht="24" customHeight="1">
      <c r="A36" s="21"/>
      <c r="B36" s="41" t="s">
        <v>56</v>
      </c>
      <c r="C36" s="22"/>
      <c r="D36" s="23">
        <v>119117</v>
      </c>
      <c r="E36" s="24">
        <v>225363</v>
      </c>
      <c r="F36" s="25">
        <v>114716</v>
      </c>
      <c r="G36" s="25">
        <v>110647</v>
      </c>
      <c r="H36" s="25">
        <v>6</v>
      </c>
      <c r="I36" s="25">
        <v>-11</v>
      </c>
      <c r="J36" s="25">
        <v>17</v>
      </c>
      <c r="K36" s="26">
        <v>1.8919465735369427</v>
      </c>
      <c r="L36" s="27">
        <v>10993.317073170732</v>
      </c>
      <c r="M36" s="20"/>
    </row>
    <row r="37" spans="1:22" s="1" customFormat="1" ht="24" customHeight="1">
      <c r="A37" s="21"/>
      <c r="B37" s="41" t="s">
        <v>57</v>
      </c>
      <c r="C37" s="22"/>
      <c r="D37" s="23">
        <v>81902</v>
      </c>
      <c r="E37" s="24">
        <v>180599</v>
      </c>
      <c r="F37" s="25">
        <v>87082</v>
      </c>
      <c r="G37" s="25">
        <v>93517</v>
      </c>
      <c r="H37" s="25">
        <v>-98</v>
      </c>
      <c r="I37" s="25">
        <v>-48</v>
      </c>
      <c r="J37" s="25">
        <v>-50</v>
      </c>
      <c r="K37" s="26">
        <v>2.2050621474445067</v>
      </c>
      <c r="L37" s="27">
        <v>7767.6989247311831</v>
      </c>
      <c r="M37" s="20"/>
      <c r="S37" s="45"/>
      <c r="T37" s="45"/>
      <c r="U37" s="45"/>
      <c r="V37" s="45"/>
    </row>
    <row r="38" spans="1:22" s="1" customFormat="1" ht="24" customHeight="1">
      <c r="A38" s="34"/>
      <c r="B38" s="81" t="s">
        <v>58</v>
      </c>
      <c r="C38" s="46"/>
      <c r="D38" s="36">
        <v>345237</v>
      </c>
      <c r="E38" s="37">
        <v>724987</v>
      </c>
      <c r="F38" s="38">
        <v>361009</v>
      </c>
      <c r="G38" s="38">
        <v>363978</v>
      </c>
      <c r="H38" s="38">
        <v>-123</v>
      </c>
      <c r="I38" s="38">
        <v>-400</v>
      </c>
      <c r="J38" s="38">
        <v>277</v>
      </c>
      <c r="K38" s="39">
        <v>2.0999690067982284</v>
      </c>
      <c r="L38" s="40">
        <v>2204.210878355781</v>
      </c>
      <c r="M38" s="20"/>
    </row>
    <row r="39" spans="1:22" s="1" customFormat="1" ht="24" customHeight="1">
      <c r="A39" s="21"/>
      <c r="B39" s="41" t="s">
        <v>59</v>
      </c>
      <c r="C39" s="47"/>
      <c r="D39" s="23">
        <v>76882</v>
      </c>
      <c r="E39" s="24">
        <v>167451</v>
      </c>
      <c r="F39" s="25">
        <v>84092</v>
      </c>
      <c r="G39" s="25">
        <v>83359</v>
      </c>
      <c r="H39" s="25">
        <v>-138</v>
      </c>
      <c r="I39" s="25">
        <v>-111</v>
      </c>
      <c r="J39" s="25">
        <v>-27</v>
      </c>
      <c r="K39" s="26">
        <v>2.1780260659192008</v>
      </c>
      <c r="L39" s="27">
        <v>659.43764029456941</v>
      </c>
      <c r="M39" s="20"/>
    </row>
    <row r="40" spans="1:22" s="1" customFormat="1" ht="24" customHeight="1">
      <c r="A40" s="21"/>
      <c r="B40" s="41" t="s">
        <v>60</v>
      </c>
      <c r="C40" s="22"/>
      <c r="D40" s="23">
        <v>130115</v>
      </c>
      <c r="E40" s="24">
        <v>274480</v>
      </c>
      <c r="F40" s="25">
        <v>137068</v>
      </c>
      <c r="G40" s="25">
        <v>137412</v>
      </c>
      <c r="H40" s="25">
        <v>76</v>
      </c>
      <c r="I40" s="25">
        <v>-140</v>
      </c>
      <c r="J40" s="25">
        <v>216</v>
      </c>
      <c r="K40" s="26">
        <v>2.1095185028628523</v>
      </c>
      <c r="L40" s="27">
        <v>7444.5348521833475</v>
      </c>
      <c r="M40" s="20"/>
    </row>
    <row r="41" spans="1:22" s="1" customFormat="1" ht="24" customHeight="1">
      <c r="A41" s="21"/>
      <c r="B41" s="41" t="s">
        <v>61</v>
      </c>
      <c r="C41" s="22"/>
      <c r="D41" s="23">
        <v>138240</v>
      </c>
      <c r="E41" s="24">
        <v>283056</v>
      </c>
      <c r="F41" s="25">
        <v>139849</v>
      </c>
      <c r="G41" s="25">
        <v>143207</v>
      </c>
      <c r="H41" s="25">
        <v>-61</v>
      </c>
      <c r="I41" s="25">
        <v>-149</v>
      </c>
      <c r="J41" s="25">
        <v>88</v>
      </c>
      <c r="K41" s="26">
        <v>2.0475694444444446</v>
      </c>
      <c r="L41" s="27">
        <v>7427.3419050118082</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087</v>
      </c>
      <c r="E43" s="24">
        <v>374800</v>
      </c>
      <c r="F43" s="25">
        <v>186516</v>
      </c>
      <c r="G43" s="25">
        <v>188284</v>
      </c>
      <c r="H43" s="25">
        <v>-376</v>
      </c>
      <c r="I43" s="25">
        <v>-331</v>
      </c>
      <c r="J43" s="25">
        <v>-45</v>
      </c>
      <c r="K43" s="26">
        <v>2.2566486239139727</v>
      </c>
      <c r="L43" s="27">
        <v>3717.8851304434083</v>
      </c>
      <c r="N43" s="64"/>
    </row>
    <row r="44" spans="1:22" s="1" customFormat="1" ht="24" customHeight="1">
      <c r="A44" s="49"/>
      <c r="B44" s="41" t="s">
        <v>8</v>
      </c>
      <c r="C44" s="50"/>
      <c r="D44" s="23">
        <v>116900</v>
      </c>
      <c r="E44" s="24">
        <v>258489</v>
      </c>
      <c r="F44" s="25">
        <v>128943</v>
      </c>
      <c r="G44" s="25">
        <v>129546</v>
      </c>
      <c r="H44" s="25">
        <v>47</v>
      </c>
      <c r="I44" s="25">
        <v>-135</v>
      </c>
      <c r="J44" s="25">
        <v>182</v>
      </c>
      <c r="K44" s="26">
        <v>2.2111976047904194</v>
      </c>
      <c r="L44" s="27">
        <v>3811.3978177528757</v>
      </c>
      <c r="N44" s="64"/>
    </row>
    <row r="45" spans="1:22" s="1" customFormat="1" ht="24" customHeight="1">
      <c r="A45" s="49"/>
      <c r="B45" s="41" t="s">
        <v>13</v>
      </c>
      <c r="C45" s="50"/>
      <c r="D45" s="23">
        <v>77110</v>
      </c>
      <c r="E45" s="24">
        <v>171425</v>
      </c>
      <c r="F45" s="25">
        <v>80441</v>
      </c>
      <c r="G45" s="25">
        <v>90984</v>
      </c>
      <c r="H45" s="25">
        <v>-92</v>
      </c>
      <c r="I45" s="25">
        <v>-104</v>
      </c>
      <c r="J45" s="25">
        <v>12</v>
      </c>
      <c r="K45" s="26">
        <v>2.2231228115678898</v>
      </c>
      <c r="L45" s="27">
        <v>4322.3651033787191</v>
      </c>
      <c r="N45" s="64"/>
    </row>
    <row r="46" spans="1:22" s="1" customFormat="1" ht="24" customHeight="1">
      <c r="A46" s="49"/>
      <c r="B46" s="41" t="s">
        <v>7</v>
      </c>
      <c r="C46" s="50"/>
      <c r="D46" s="23">
        <v>202078</v>
      </c>
      <c r="E46" s="24">
        <v>443795</v>
      </c>
      <c r="F46" s="25">
        <v>218916</v>
      </c>
      <c r="G46" s="25">
        <v>224879</v>
      </c>
      <c r="H46" s="25">
        <v>-297</v>
      </c>
      <c r="I46" s="25">
        <v>-168</v>
      </c>
      <c r="J46" s="25">
        <v>-129</v>
      </c>
      <c r="K46" s="26">
        <v>2.1961569295024694</v>
      </c>
      <c r="L46" s="27">
        <v>6380.0316273720528</v>
      </c>
      <c r="N46" s="64"/>
    </row>
    <row r="47" spans="1:22" s="1" customFormat="1" ht="24" customHeight="1">
      <c r="A47" s="51"/>
      <c r="B47" s="41" t="s">
        <v>12</v>
      </c>
      <c r="C47" s="50"/>
      <c r="D47" s="23">
        <v>84604</v>
      </c>
      <c r="E47" s="24">
        <v>186292</v>
      </c>
      <c r="F47" s="25">
        <v>90043</v>
      </c>
      <c r="G47" s="25">
        <v>96249</v>
      </c>
      <c r="H47" s="25">
        <v>-31</v>
      </c>
      <c r="I47" s="25">
        <v>-116</v>
      </c>
      <c r="J47" s="25">
        <v>85</v>
      </c>
      <c r="K47" s="26">
        <v>2.2019289868091345</v>
      </c>
      <c r="L47" s="27">
        <v>1639.8943661971832</v>
      </c>
      <c r="N47" s="64"/>
    </row>
    <row r="48" spans="1:22" s="1" customFormat="1" ht="24" customHeight="1">
      <c r="A48" s="51"/>
      <c r="B48" s="41" t="s">
        <v>9</v>
      </c>
      <c r="C48" s="52"/>
      <c r="D48" s="23">
        <v>107372</v>
      </c>
      <c r="E48" s="24">
        <v>245604</v>
      </c>
      <c r="F48" s="25">
        <v>118935</v>
      </c>
      <c r="G48" s="25">
        <v>126669</v>
      </c>
      <c r="H48" s="25">
        <v>35</v>
      </c>
      <c r="I48" s="25">
        <v>-86</v>
      </c>
      <c r="J48" s="25">
        <v>121</v>
      </c>
      <c r="K48" s="26">
        <v>2.2874119882278432</v>
      </c>
      <c r="L48" s="27">
        <v>6879.6638655462175</v>
      </c>
      <c r="N48" s="64"/>
    </row>
    <row r="49" spans="1:14" s="1" customFormat="1" ht="24" customHeight="1">
      <c r="A49" s="51"/>
      <c r="B49" s="41" t="s">
        <v>19</v>
      </c>
      <c r="C49" s="52"/>
      <c r="D49" s="23">
        <v>25100</v>
      </c>
      <c r="E49" s="24">
        <v>55999</v>
      </c>
      <c r="F49" s="25">
        <v>26134</v>
      </c>
      <c r="G49" s="25">
        <v>29865</v>
      </c>
      <c r="H49" s="25">
        <v>6</v>
      </c>
      <c r="I49" s="25">
        <v>-34</v>
      </c>
      <c r="J49" s="25">
        <v>40</v>
      </c>
      <c r="K49" s="26">
        <v>2.2310358565737052</v>
      </c>
      <c r="L49" s="27">
        <v>3240.68287037037</v>
      </c>
      <c r="N49" s="64"/>
    </row>
    <row r="50" spans="1:14" s="1" customFormat="1" ht="24" customHeight="1">
      <c r="A50" s="51"/>
      <c r="B50" s="41" t="s">
        <v>20</v>
      </c>
      <c r="C50" s="52"/>
      <c r="D50" s="23">
        <v>17170</v>
      </c>
      <c r="E50" s="24">
        <v>40218</v>
      </c>
      <c r="F50" s="25">
        <v>19213</v>
      </c>
      <c r="G50" s="25">
        <v>21005</v>
      </c>
      <c r="H50" s="25">
        <v>-27</v>
      </c>
      <c r="I50" s="25">
        <v>-48</v>
      </c>
      <c r="J50" s="25">
        <v>21</v>
      </c>
      <c r="K50" s="26">
        <v>2.3423412929528249</v>
      </c>
      <c r="L50" s="27">
        <v>1254.8517940717629</v>
      </c>
      <c r="N50" s="64"/>
    </row>
    <row r="51" spans="1:14" s="1" customFormat="1" ht="24" customHeight="1">
      <c r="A51" s="51"/>
      <c r="B51" s="41" t="s">
        <v>14</v>
      </c>
      <c r="C51" s="52"/>
      <c r="D51" s="23">
        <v>72961</v>
      </c>
      <c r="E51" s="24">
        <v>161226</v>
      </c>
      <c r="F51" s="25">
        <v>81416</v>
      </c>
      <c r="G51" s="25">
        <v>79810</v>
      </c>
      <c r="H51" s="25">
        <v>-32</v>
      </c>
      <c r="I51" s="25">
        <v>-91</v>
      </c>
      <c r="J51" s="25">
        <v>59</v>
      </c>
      <c r="K51" s="26">
        <v>2.2097558969860609</v>
      </c>
      <c r="L51" s="27">
        <v>1553.8357748650731</v>
      </c>
      <c r="N51" s="64"/>
    </row>
    <row r="52" spans="1:14" s="1" customFormat="1" ht="24" customHeight="1">
      <c r="A52" s="51"/>
      <c r="B52" s="41" t="s">
        <v>11</v>
      </c>
      <c r="C52" s="52"/>
      <c r="D52" s="23">
        <v>105138</v>
      </c>
      <c r="E52" s="24">
        <v>224102</v>
      </c>
      <c r="F52" s="25">
        <v>115441</v>
      </c>
      <c r="G52" s="25">
        <v>108661</v>
      </c>
      <c r="H52" s="25">
        <v>4</v>
      </c>
      <c r="I52" s="25">
        <v>-66</v>
      </c>
      <c r="J52" s="25">
        <v>70</v>
      </c>
      <c r="K52" s="26">
        <v>2.1315033574920581</v>
      </c>
      <c r="L52" s="27">
        <v>2388.1287297527706</v>
      </c>
      <c r="N52" s="64"/>
    </row>
    <row r="53" spans="1:14" s="1" customFormat="1" ht="24" customHeight="1">
      <c r="A53" s="51"/>
      <c r="B53" s="41" t="s">
        <v>10</v>
      </c>
      <c r="C53" s="52"/>
      <c r="D53" s="23">
        <v>115444</v>
      </c>
      <c r="E53" s="24">
        <v>243412</v>
      </c>
      <c r="F53" s="25">
        <v>121286</v>
      </c>
      <c r="G53" s="25">
        <v>122126</v>
      </c>
      <c r="H53" s="25">
        <v>104</v>
      </c>
      <c r="I53" s="25">
        <v>-69</v>
      </c>
      <c r="J53" s="25">
        <v>173</v>
      </c>
      <c r="K53" s="26">
        <v>2.1084854994629429</v>
      </c>
      <c r="L53" s="27">
        <v>8985.3082318198594</v>
      </c>
      <c r="N53" s="64"/>
    </row>
    <row r="54" spans="1:14" s="1" customFormat="1" ht="24" customHeight="1">
      <c r="A54" s="51"/>
      <c r="B54" s="41" t="s">
        <v>17</v>
      </c>
      <c r="C54" s="52"/>
      <c r="D54" s="23">
        <v>47141</v>
      </c>
      <c r="E54" s="24">
        <v>101495</v>
      </c>
      <c r="F54" s="25">
        <v>51343</v>
      </c>
      <c r="G54" s="25">
        <v>50152</v>
      </c>
      <c r="H54" s="25">
        <v>5</v>
      </c>
      <c r="I54" s="25">
        <v>-18</v>
      </c>
      <c r="J54" s="25">
        <v>23</v>
      </c>
      <c r="K54" s="26">
        <v>2.1530090579325853</v>
      </c>
      <c r="L54" s="27">
        <v>1826.7638588912887</v>
      </c>
      <c r="N54" s="64"/>
    </row>
    <row r="55" spans="1:14" s="1" customFormat="1" ht="24" customHeight="1">
      <c r="A55" s="51"/>
      <c r="B55" s="41" t="s">
        <v>15</v>
      </c>
      <c r="C55" s="52"/>
      <c r="D55" s="23">
        <v>62020</v>
      </c>
      <c r="E55" s="24">
        <v>140189</v>
      </c>
      <c r="F55" s="25">
        <v>70385</v>
      </c>
      <c r="G55" s="25">
        <v>69804</v>
      </c>
      <c r="H55" s="25">
        <v>3</v>
      </c>
      <c r="I55" s="25">
        <v>-41</v>
      </c>
      <c r="J55" s="25">
        <v>44</v>
      </c>
      <c r="K55" s="26">
        <v>2.2603837471783295</v>
      </c>
      <c r="L55" s="27">
        <v>5272.2452049642725</v>
      </c>
      <c r="N55" s="64"/>
    </row>
    <row r="56" spans="1:14" s="1" customFormat="1" ht="24" customHeight="1">
      <c r="A56" s="51"/>
      <c r="B56" s="41" t="s">
        <v>16</v>
      </c>
      <c r="C56" s="52"/>
      <c r="D56" s="23">
        <v>62053</v>
      </c>
      <c r="E56" s="24">
        <v>131913</v>
      </c>
      <c r="F56" s="25">
        <v>65507</v>
      </c>
      <c r="G56" s="25">
        <v>66406</v>
      </c>
      <c r="H56" s="25">
        <v>-100</v>
      </c>
      <c r="I56" s="25">
        <v>-53</v>
      </c>
      <c r="J56" s="25">
        <v>-47</v>
      </c>
      <c r="K56" s="26">
        <v>2.1258118060367752</v>
      </c>
      <c r="L56" s="27">
        <v>7507.8542970973249</v>
      </c>
      <c r="N56" s="64"/>
    </row>
    <row r="57" spans="1:14" s="1" customFormat="1" ht="24" customHeight="1">
      <c r="A57" s="51"/>
      <c r="B57" s="41" t="s">
        <v>21</v>
      </c>
      <c r="C57" s="52"/>
      <c r="D57" s="23">
        <v>16639</v>
      </c>
      <c r="E57" s="24">
        <v>39759</v>
      </c>
      <c r="F57" s="25">
        <v>19412</v>
      </c>
      <c r="G57" s="25">
        <v>20347</v>
      </c>
      <c r="H57" s="25">
        <v>-22</v>
      </c>
      <c r="I57" s="25">
        <v>-32</v>
      </c>
      <c r="J57" s="25">
        <v>10</v>
      </c>
      <c r="K57" s="26">
        <v>2.3895065809243343</v>
      </c>
      <c r="L57" s="27">
        <v>515.54719917012449</v>
      </c>
      <c r="N57" s="64"/>
    </row>
    <row r="58" spans="1:14" s="1" customFormat="1" ht="24" customHeight="1">
      <c r="A58" s="51"/>
      <c r="B58" s="41" t="s">
        <v>18</v>
      </c>
      <c r="C58" s="52"/>
      <c r="D58" s="23">
        <v>35672</v>
      </c>
      <c r="E58" s="24">
        <v>83017</v>
      </c>
      <c r="F58" s="25">
        <v>41895</v>
      </c>
      <c r="G58" s="25">
        <v>41122</v>
      </c>
      <c r="H58" s="25">
        <v>89</v>
      </c>
      <c r="I58" s="25">
        <v>-32</v>
      </c>
      <c r="J58" s="25">
        <v>121</v>
      </c>
      <c r="K58" s="26">
        <v>2.3272314420273603</v>
      </c>
      <c r="L58" s="27">
        <v>3749.638663053297</v>
      </c>
      <c r="N58" s="64"/>
    </row>
    <row r="59" spans="1:14" s="1" customFormat="1" ht="24" customHeight="1">
      <c r="A59" s="51"/>
      <c r="B59" s="42" t="s">
        <v>84</v>
      </c>
      <c r="C59" s="52"/>
      <c r="D59" s="23">
        <v>13079</v>
      </c>
      <c r="E59" s="24">
        <v>31064</v>
      </c>
      <c r="F59" s="25">
        <v>14590</v>
      </c>
      <c r="G59" s="25">
        <v>16474</v>
      </c>
      <c r="H59" s="25">
        <v>4</v>
      </c>
      <c r="I59" s="25">
        <v>-13</v>
      </c>
      <c r="J59" s="25">
        <v>17</v>
      </c>
      <c r="K59" s="26">
        <v>2.3751051303616486</v>
      </c>
      <c r="L59" s="27">
        <v>1823.0046948356808</v>
      </c>
      <c r="N59" s="64"/>
    </row>
    <row r="60" spans="1:14" s="1" customFormat="1" ht="24" customHeight="1">
      <c r="A60" s="51"/>
      <c r="B60" s="42" t="s">
        <v>85</v>
      </c>
      <c r="C60" s="52"/>
      <c r="D60" s="23">
        <v>20701</v>
      </c>
      <c r="E60" s="24">
        <v>48637</v>
      </c>
      <c r="F60" s="25">
        <v>24659</v>
      </c>
      <c r="G60" s="25">
        <v>23978</v>
      </c>
      <c r="H60" s="25">
        <v>23</v>
      </c>
      <c r="I60" s="25">
        <v>-29</v>
      </c>
      <c r="J60" s="25">
        <v>52</v>
      </c>
      <c r="K60" s="26">
        <v>2.3495000241534227</v>
      </c>
      <c r="L60" s="27">
        <v>3645.9520239880062</v>
      </c>
      <c r="N60" s="64"/>
    </row>
    <row r="61" spans="1:14" s="1" customFormat="1" ht="24" customHeight="1">
      <c r="A61" s="53"/>
      <c r="B61" s="81" t="s">
        <v>26</v>
      </c>
      <c r="C61" s="54"/>
      <c r="D61" s="36">
        <v>24731</v>
      </c>
      <c r="E61" s="37">
        <v>58015</v>
      </c>
      <c r="F61" s="38">
        <v>28010</v>
      </c>
      <c r="G61" s="38">
        <v>30005</v>
      </c>
      <c r="H61" s="38">
        <v>-46</v>
      </c>
      <c r="I61" s="38">
        <v>-43</v>
      </c>
      <c r="J61" s="38">
        <v>-3</v>
      </c>
      <c r="K61" s="39">
        <v>2.3458412518701226</v>
      </c>
      <c r="L61" s="40">
        <v>2210.0952380952381</v>
      </c>
      <c r="N61" s="64"/>
    </row>
    <row r="62" spans="1:14" s="1" customFormat="1" ht="24" customHeight="1">
      <c r="A62" s="51"/>
      <c r="B62" s="41" t="s">
        <v>62</v>
      </c>
      <c r="C62" s="52"/>
      <c r="D62" s="23">
        <v>12953</v>
      </c>
      <c r="E62" s="24">
        <v>31065</v>
      </c>
      <c r="F62" s="25">
        <v>15110</v>
      </c>
      <c r="G62" s="25">
        <v>15955</v>
      </c>
      <c r="H62" s="25">
        <v>-45</v>
      </c>
      <c r="I62" s="25">
        <v>-30</v>
      </c>
      <c r="J62" s="25">
        <v>-15</v>
      </c>
      <c r="K62" s="26">
        <v>2.3982861113255618</v>
      </c>
      <c r="L62" s="27">
        <v>1808.2072176949941</v>
      </c>
      <c r="N62" s="64"/>
    </row>
    <row r="63" spans="1:14" s="1" customFormat="1" ht="24" customHeight="1">
      <c r="A63" s="51"/>
      <c r="B63" s="41" t="s">
        <v>63</v>
      </c>
      <c r="C63" s="52"/>
      <c r="D63" s="23">
        <v>11778</v>
      </c>
      <c r="E63" s="24">
        <v>26950</v>
      </c>
      <c r="F63" s="25">
        <v>12900</v>
      </c>
      <c r="G63" s="25">
        <v>14050</v>
      </c>
      <c r="H63" s="25">
        <v>-1</v>
      </c>
      <c r="I63" s="25">
        <v>-13</v>
      </c>
      <c r="J63" s="25">
        <v>12</v>
      </c>
      <c r="K63" s="26">
        <v>2.2881643742570894</v>
      </c>
      <c r="L63" s="27">
        <v>2968.0616740088108</v>
      </c>
      <c r="N63" s="64"/>
    </row>
    <row r="64" spans="1:14" s="1" customFormat="1" ht="24" customHeight="1">
      <c r="A64" s="53"/>
      <c r="B64" s="81" t="s">
        <v>27</v>
      </c>
      <c r="C64" s="54"/>
      <c r="D64" s="36">
        <v>26352</v>
      </c>
      <c r="E64" s="37">
        <v>64628</v>
      </c>
      <c r="F64" s="38">
        <v>31786</v>
      </c>
      <c r="G64" s="38">
        <v>32842</v>
      </c>
      <c r="H64" s="38">
        <v>-89</v>
      </c>
      <c r="I64" s="38">
        <v>-64</v>
      </c>
      <c r="J64" s="38">
        <v>-25</v>
      </c>
      <c r="K64" s="39">
        <v>2.4524893746205221</v>
      </c>
      <c r="L64" s="40">
        <v>213.0968082300185</v>
      </c>
      <c r="N64" s="64"/>
    </row>
    <row r="65" spans="1:14" s="1" customFormat="1" ht="24" customHeight="1">
      <c r="A65" s="51"/>
      <c r="B65" s="41" t="s">
        <v>64</v>
      </c>
      <c r="C65" s="52"/>
      <c r="D65" s="23">
        <v>3441</v>
      </c>
      <c r="E65" s="24">
        <v>8947</v>
      </c>
      <c r="F65" s="25">
        <v>4455</v>
      </c>
      <c r="G65" s="25">
        <v>4492</v>
      </c>
      <c r="H65" s="25">
        <v>-20</v>
      </c>
      <c r="I65" s="25">
        <v>-14</v>
      </c>
      <c r="J65" s="25">
        <v>-6</v>
      </c>
      <c r="K65" s="26">
        <v>2.6001162452775355</v>
      </c>
      <c r="L65" s="27">
        <v>447.57378689344677</v>
      </c>
      <c r="N65" s="64"/>
    </row>
    <row r="66" spans="1:14" s="1" customFormat="1" ht="24" customHeight="1">
      <c r="A66" s="51"/>
      <c r="B66" s="41" t="s">
        <v>65</v>
      </c>
      <c r="C66" s="52"/>
      <c r="D66" s="23">
        <v>7109</v>
      </c>
      <c r="E66" s="24">
        <v>17339</v>
      </c>
      <c r="F66" s="25">
        <v>8499</v>
      </c>
      <c r="G66" s="25">
        <v>8840</v>
      </c>
      <c r="H66" s="25">
        <v>10</v>
      </c>
      <c r="I66" s="25">
        <v>-11</v>
      </c>
      <c r="J66" s="25">
        <v>21</v>
      </c>
      <c r="K66" s="26">
        <v>2.4390209593473062</v>
      </c>
      <c r="L66" s="27">
        <v>1205.7719054242002</v>
      </c>
      <c r="N66" s="64"/>
    </row>
    <row r="67" spans="1:14" s="1" customFormat="1" ht="24" customHeight="1">
      <c r="A67" s="51"/>
      <c r="B67" s="41" t="s">
        <v>66</v>
      </c>
      <c r="C67" s="52"/>
      <c r="D67" s="23">
        <v>4500</v>
      </c>
      <c r="E67" s="24">
        <v>10320</v>
      </c>
      <c r="F67" s="25">
        <v>5144</v>
      </c>
      <c r="G67" s="25">
        <v>5176</v>
      </c>
      <c r="H67" s="25">
        <v>-63</v>
      </c>
      <c r="I67" s="25">
        <v>-11</v>
      </c>
      <c r="J67" s="25">
        <v>-52</v>
      </c>
      <c r="K67" s="26">
        <v>2.2933333333333334</v>
      </c>
      <c r="L67" s="27">
        <v>273.37748344370863</v>
      </c>
      <c r="N67" s="64"/>
    </row>
    <row r="68" spans="1:14" s="1" customFormat="1" ht="24" customHeight="1">
      <c r="A68" s="51"/>
      <c r="B68" s="41" t="s">
        <v>67</v>
      </c>
      <c r="C68" s="52"/>
      <c r="D68" s="23">
        <v>3940</v>
      </c>
      <c r="E68" s="24">
        <v>9213</v>
      </c>
      <c r="F68" s="25">
        <v>4564</v>
      </c>
      <c r="G68" s="25">
        <v>4649</v>
      </c>
      <c r="H68" s="25">
        <v>-22</v>
      </c>
      <c r="I68" s="25">
        <v>-21</v>
      </c>
      <c r="J68" s="25">
        <v>-1</v>
      </c>
      <c r="K68" s="26">
        <v>2.3383248730964468</v>
      </c>
      <c r="L68" s="27">
        <v>41.017764124482433</v>
      </c>
      <c r="N68" s="64"/>
    </row>
    <row r="69" spans="1:14" s="1" customFormat="1" ht="24" customHeight="1">
      <c r="A69" s="51"/>
      <c r="B69" s="41" t="s">
        <v>68</v>
      </c>
      <c r="C69" s="52"/>
      <c r="D69" s="23">
        <v>7362</v>
      </c>
      <c r="E69" s="24">
        <v>18809</v>
      </c>
      <c r="F69" s="25">
        <v>9124</v>
      </c>
      <c r="G69" s="25">
        <v>9685</v>
      </c>
      <c r="H69" s="25">
        <v>6</v>
      </c>
      <c r="I69" s="25">
        <v>-7</v>
      </c>
      <c r="J69" s="25">
        <v>13</v>
      </c>
      <c r="K69" s="26">
        <v>2.5548763922847053</v>
      </c>
      <c r="L69" s="27">
        <v>2871.6030534351144</v>
      </c>
      <c r="N69" s="64"/>
    </row>
    <row r="70" spans="1:14" s="1" customFormat="1" ht="24" customHeight="1">
      <c r="A70" s="53"/>
      <c r="B70" s="81" t="s">
        <v>28</v>
      </c>
      <c r="C70" s="54"/>
      <c r="D70" s="36">
        <v>20087</v>
      </c>
      <c r="E70" s="37">
        <v>39641</v>
      </c>
      <c r="F70" s="38">
        <v>18540</v>
      </c>
      <c r="G70" s="38">
        <v>21101</v>
      </c>
      <c r="H70" s="38">
        <v>-56</v>
      </c>
      <c r="I70" s="38">
        <v>-58</v>
      </c>
      <c r="J70" s="38">
        <v>2</v>
      </c>
      <c r="K70" s="39">
        <v>1.9734654253995121</v>
      </c>
      <c r="L70" s="40">
        <v>281.40129197132109</v>
      </c>
      <c r="N70" s="64"/>
    </row>
    <row r="71" spans="1:14" s="1" customFormat="1" ht="24" customHeight="1">
      <c r="A71" s="51"/>
      <c r="B71" s="41" t="s">
        <v>69</v>
      </c>
      <c r="C71" s="52"/>
      <c r="D71" s="23">
        <v>6444</v>
      </c>
      <c r="E71" s="24">
        <v>10941</v>
      </c>
      <c r="F71" s="25">
        <v>5231</v>
      </c>
      <c r="G71" s="25">
        <v>5710</v>
      </c>
      <c r="H71" s="25">
        <v>-10</v>
      </c>
      <c r="I71" s="25">
        <v>-10</v>
      </c>
      <c r="J71" s="25">
        <v>0</v>
      </c>
      <c r="K71" s="26">
        <v>1.6978584729981379</v>
      </c>
      <c r="L71" s="27">
        <v>117.82252853758347</v>
      </c>
      <c r="N71" s="64"/>
    </row>
    <row r="72" spans="1:14" s="1" customFormat="1" ht="24" customHeight="1">
      <c r="A72" s="51"/>
      <c r="B72" s="41" t="s">
        <v>70</v>
      </c>
      <c r="C72" s="52"/>
      <c r="D72" s="23">
        <v>2908</v>
      </c>
      <c r="E72" s="24">
        <v>6310</v>
      </c>
      <c r="F72" s="25">
        <v>2923</v>
      </c>
      <c r="G72" s="25">
        <v>3387</v>
      </c>
      <c r="H72" s="25">
        <v>-21</v>
      </c>
      <c r="I72" s="25">
        <v>-15</v>
      </c>
      <c r="J72" s="25">
        <v>-6</v>
      </c>
      <c r="K72" s="26">
        <v>2.169876203576341</v>
      </c>
      <c r="L72" s="27">
        <v>895.03546099290782</v>
      </c>
      <c r="N72" s="64"/>
    </row>
    <row r="73" spans="1:14" s="1" customFormat="1" ht="24" customHeight="1">
      <c r="A73" s="51"/>
      <c r="B73" s="41" t="s">
        <v>86</v>
      </c>
      <c r="C73" s="52"/>
      <c r="D73" s="23">
        <v>10735</v>
      </c>
      <c r="E73" s="24">
        <v>22390</v>
      </c>
      <c r="F73" s="25">
        <v>10386</v>
      </c>
      <c r="G73" s="25">
        <v>12004</v>
      </c>
      <c r="H73" s="25">
        <v>-25</v>
      </c>
      <c r="I73" s="25">
        <v>-33</v>
      </c>
      <c r="J73" s="25">
        <v>8</v>
      </c>
      <c r="K73" s="26">
        <v>2.0857009781089895</v>
      </c>
      <c r="L73" s="27">
        <v>546.49743714913348</v>
      </c>
      <c r="N73" s="64"/>
    </row>
    <row r="74" spans="1:14" s="1" customFormat="1" ht="24" customHeight="1">
      <c r="A74" s="53"/>
      <c r="B74" s="81" t="s">
        <v>29</v>
      </c>
      <c r="C74" s="54"/>
      <c r="D74" s="36">
        <v>18799</v>
      </c>
      <c r="E74" s="37">
        <v>42213</v>
      </c>
      <c r="F74" s="38">
        <v>22058</v>
      </c>
      <c r="G74" s="38">
        <v>20155</v>
      </c>
      <c r="H74" s="38">
        <v>-55</v>
      </c>
      <c r="I74" s="38">
        <v>-41</v>
      </c>
      <c r="J74" s="38">
        <v>-14</v>
      </c>
      <c r="K74" s="39">
        <v>2.245491781477738</v>
      </c>
      <c r="L74" s="40">
        <v>400.04738438210768</v>
      </c>
      <c r="N74" s="64"/>
    </row>
    <row r="75" spans="1:14" s="1" customFormat="1" ht="24" customHeight="1">
      <c r="A75" s="51"/>
      <c r="B75" s="41" t="s">
        <v>71</v>
      </c>
      <c r="C75" s="52"/>
      <c r="D75" s="23">
        <v>17663</v>
      </c>
      <c r="E75" s="24">
        <v>39296</v>
      </c>
      <c r="F75" s="25">
        <v>20564</v>
      </c>
      <c r="G75" s="25">
        <v>18732</v>
      </c>
      <c r="H75" s="25">
        <v>-52</v>
      </c>
      <c r="I75" s="25">
        <v>-39</v>
      </c>
      <c r="J75" s="25">
        <v>-13</v>
      </c>
      <c r="K75" s="26">
        <v>2.2247636301873972</v>
      </c>
      <c r="L75" s="27">
        <v>1146.3243873978995</v>
      </c>
      <c r="N75" s="64"/>
    </row>
    <row r="76" spans="1:14" s="1" customFormat="1" ht="24" customHeight="1">
      <c r="A76" s="51"/>
      <c r="B76" s="41" t="s">
        <v>72</v>
      </c>
      <c r="C76" s="52"/>
      <c r="D76" s="23">
        <v>1136</v>
      </c>
      <c r="E76" s="24">
        <v>2917</v>
      </c>
      <c r="F76" s="25">
        <v>1494</v>
      </c>
      <c r="G76" s="25">
        <v>1423</v>
      </c>
      <c r="H76" s="25">
        <v>-3</v>
      </c>
      <c r="I76" s="25">
        <v>-2</v>
      </c>
      <c r="J76" s="25">
        <v>-1</v>
      </c>
      <c r="K76" s="26">
        <v>2.567781690140845</v>
      </c>
      <c r="L76" s="27">
        <v>40.946097697922518</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12-18T06:25:17Z</dcterms:modified>
</cp:coreProperties>
</file>